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ppt/tags/tag22.xml" ContentType="application/vnd.openxmlformats-officedocument.presentationml.tags+xml"/>
  <Override PartName="/ppt/notesSlides/notesSlide22.xml" ContentType="application/vnd.openxmlformats-officedocument.presentationml.notesSlide+xml"/>
  <Override PartName="/ppt/tags/tag23.xml" ContentType="application/vnd.openxmlformats-officedocument.presentationml.tags+xml"/>
  <Override PartName="/ppt/notesSlides/notesSlide23.xml" ContentType="application/vnd.openxmlformats-officedocument.presentationml.notesSlide+xml"/>
  <Override PartName="/ppt/tags/tag24.xml" ContentType="application/vnd.openxmlformats-officedocument.presentationml.tags+xml"/>
  <Override PartName="/ppt/notesSlides/notesSlide24.xml" ContentType="application/vnd.openxmlformats-officedocument.presentationml.notesSlide+xml"/>
  <Override PartName="/ppt/tags/tag25.xml" ContentType="application/vnd.openxmlformats-officedocument.presentationml.tags+xml"/>
  <Override PartName="/ppt/notesSlides/notesSlide25.xml" ContentType="application/vnd.openxmlformats-officedocument.presentationml.notesSlide+xml"/>
  <Override PartName="/ppt/tags/tag26.xml" ContentType="application/vnd.openxmlformats-officedocument.presentationml.tags+xml"/>
  <Override PartName="/ppt/notesSlides/notesSlide26.xml" ContentType="application/vnd.openxmlformats-officedocument.presentationml.notesSlide+xml"/>
  <Override PartName="/ppt/tags/tag27.xml" ContentType="application/vnd.openxmlformats-officedocument.presentationml.tags+xml"/>
  <Override PartName="/ppt/notesSlides/notesSlide27.xml" ContentType="application/vnd.openxmlformats-officedocument.presentationml.notesSlide+xml"/>
  <Override PartName="/ppt/tags/tag28.xml" ContentType="application/vnd.openxmlformats-officedocument.presentationml.tags+xml"/>
  <Override PartName="/ppt/notesSlides/notesSlide28.xml" ContentType="application/vnd.openxmlformats-officedocument.presentationml.notesSlide+xml"/>
  <Override PartName="/ppt/tags/tag29.xml" ContentType="application/vnd.openxmlformats-officedocument.presentationml.tags+xml"/>
  <Override PartName="/ppt/notesSlides/notesSlide29.xml" ContentType="application/vnd.openxmlformats-officedocument.presentationml.notesSlide+xml"/>
  <Override PartName="/ppt/tags/tag30.xml" ContentType="application/vnd.openxmlformats-officedocument.presentationml.tags+xml"/>
  <Override PartName="/ppt/notesSlides/notesSlide30.xml" ContentType="application/vnd.openxmlformats-officedocument.presentationml.notesSlide+xml"/>
  <Override PartName="/ppt/tags/tag31.xml" ContentType="application/vnd.openxmlformats-officedocument.presentationml.tags+xml"/>
  <Override PartName="/ppt/notesSlides/notesSlide31.xml" ContentType="application/vnd.openxmlformats-officedocument.presentationml.notesSlide+xml"/>
  <Override PartName="/ppt/tags/tag32.xml" ContentType="application/vnd.openxmlformats-officedocument.presentationml.tags+xml"/>
  <Override PartName="/ppt/notesSlides/notesSlide32.xml" ContentType="application/vnd.openxmlformats-officedocument.presentationml.notesSlide+xml"/>
  <Override PartName="/ppt/tags/tag33.xml" ContentType="application/vnd.openxmlformats-officedocument.presentationml.tags+xml"/>
  <Override PartName="/ppt/notesSlides/notesSlide3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5"/>
  </p:notesMasterIdLst>
  <p:handoutMasterIdLst>
    <p:handoutMasterId r:id="rId36"/>
  </p:handoutMasterIdLst>
  <p:sldIdLst>
    <p:sldId id="261" r:id="rId2"/>
    <p:sldId id="262" r:id="rId3"/>
    <p:sldId id="265" r:id="rId4"/>
    <p:sldId id="281" r:id="rId5"/>
    <p:sldId id="283" r:id="rId6"/>
    <p:sldId id="284" r:id="rId7"/>
    <p:sldId id="305" r:id="rId8"/>
    <p:sldId id="288" r:id="rId9"/>
    <p:sldId id="290" r:id="rId10"/>
    <p:sldId id="266" r:id="rId11"/>
    <p:sldId id="267" r:id="rId12"/>
    <p:sldId id="306" r:id="rId13"/>
    <p:sldId id="268" r:id="rId14"/>
    <p:sldId id="293" r:id="rId15"/>
    <p:sldId id="307" r:id="rId16"/>
    <p:sldId id="270" r:id="rId17"/>
    <p:sldId id="271" r:id="rId18"/>
    <p:sldId id="300" r:id="rId19"/>
    <p:sldId id="295" r:id="rId20"/>
    <p:sldId id="296" r:id="rId21"/>
    <p:sldId id="319" r:id="rId22"/>
    <p:sldId id="308" r:id="rId23"/>
    <p:sldId id="278" r:id="rId24"/>
    <p:sldId id="272" r:id="rId25"/>
    <p:sldId id="273" r:id="rId26"/>
    <p:sldId id="260" r:id="rId27"/>
    <p:sldId id="321" r:id="rId28"/>
    <p:sldId id="318" r:id="rId29"/>
    <p:sldId id="317" r:id="rId30"/>
    <p:sldId id="310" r:id="rId31"/>
    <p:sldId id="314" r:id="rId32"/>
    <p:sldId id="315" r:id="rId33"/>
    <p:sldId id="320" r:id="rId34"/>
  </p:sldIdLst>
  <p:sldSz cx="12188825" cy="6858000"/>
  <p:notesSz cx="6797675" cy="9926638"/>
  <p:embeddedFontLst>
    <p:embeddedFont>
      <p:font typeface="AU Passata" panose="020B0604020202020204" charset="0"/>
      <p:regular r:id="rId37"/>
      <p:bold r:id="rId38"/>
    </p:embeddedFont>
    <p:embeddedFont>
      <p:font typeface="AU Passata Light" panose="020B0604020202020204" charset="0"/>
      <p:regular r:id="rId39"/>
      <p:bold r:id="rId40"/>
    </p:embeddedFont>
    <p:embeddedFont>
      <p:font typeface="AU Peto" panose="020B0604020202020204" charset="0"/>
      <p:regular r:id="rId41"/>
      <p:bold r:id="rId42"/>
    </p:embeddedFont>
    <p:embeddedFont>
      <p:font typeface="Calibri" panose="020F0502020204030204" pitchFamily="34" charset="0"/>
      <p:regular r:id="rId43"/>
      <p:bold r:id="rId44"/>
      <p:italic r:id="rId45"/>
      <p:boldItalic r:id="rId46"/>
    </p:embeddedFont>
    <p:embeddedFont>
      <p:font typeface="Georgia" panose="02040502050405020303" pitchFamily="18" charset="0"/>
      <p:regular r:id="rId47"/>
      <p:bold r:id="rId48"/>
      <p:italic r:id="rId49"/>
      <p:boldItalic r:id="rId50"/>
    </p:embeddedFont>
    <p:embeddedFont>
      <p:font typeface="Segoe UI Historic" panose="020B0502040204020203" pitchFamily="34" charset="0"/>
      <p:regular r:id="rId51"/>
    </p:embeddedFont>
    <p:embeddedFont>
      <p:font typeface="Wingdings 3" panose="05040102010807070707" pitchFamily="18" charset="2"/>
      <p:regular r:id="rId5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63934" autoAdjust="0"/>
  </p:normalViewPr>
  <p:slideViewPr>
    <p:cSldViewPr snapToObjects="1" showGuides="1">
      <p:cViewPr varScale="1">
        <p:scale>
          <a:sx n="57" d="100"/>
          <a:sy n="57" d="100"/>
        </p:scale>
        <p:origin x="1764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3.fntdata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6.fntdata"/><Relationship Id="rId47" Type="http://schemas.openxmlformats.org/officeDocument/2006/relationships/font" Target="fonts/font11.fntdata"/><Relationship Id="rId50" Type="http://schemas.openxmlformats.org/officeDocument/2006/relationships/font" Target="fonts/font14.fntdata"/><Relationship Id="rId55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2.fntdata"/><Relationship Id="rId46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5.fntdata"/><Relationship Id="rId54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1.fntdata"/><Relationship Id="rId40" Type="http://schemas.openxmlformats.org/officeDocument/2006/relationships/font" Target="fonts/font4.fntdata"/><Relationship Id="rId45" Type="http://schemas.openxmlformats.org/officeDocument/2006/relationships/font" Target="fonts/font9.fntdata"/><Relationship Id="rId53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49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8.fntdata"/><Relationship Id="rId52" Type="http://schemas.openxmlformats.org/officeDocument/2006/relationships/font" Target="fonts/font16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Relationship Id="rId43" Type="http://schemas.openxmlformats.org/officeDocument/2006/relationships/font" Target="fonts/font7.fntdata"/><Relationship Id="rId48" Type="http://schemas.openxmlformats.org/officeDocument/2006/relationships/font" Target="fonts/font12.fntdata"/><Relationship Id="rId56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font" Target="fonts/font15.fntdata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on’t move compu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peak slowl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e to the poi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00236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31568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oughly 450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Dataset 2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Roughly 3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Latter more carefully select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Both used in previous research -&gt; why we chose it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1800" i="1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2016-2017, and 2015-2017</a:t>
            </a: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58630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Dataset 1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Systematic patterns, unrelated to the content of the articl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REUTERS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218158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ssess generalizability across datase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317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Fine-tuned BERT Base Uncased (from </a:t>
            </a:r>
            <a:r>
              <a:rPr lang="en-GB" dirty="0" err="1"/>
              <a:t>HuggingFace</a:t>
            </a:r>
            <a:r>
              <a:rPr lang="en-GB" dirty="0"/>
              <a:t>), for the task of classifying Fake/Real New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ne for 1</a:t>
            </a:r>
            <a:r>
              <a:rPr lang="en-GB" baseline="30000" dirty="0"/>
              <a:t>st</a:t>
            </a:r>
            <a:r>
              <a:rPr lang="en-GB" dirty="0"/>
              <a:t> datase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ne for 2</a:t>
            </a:r>
            <a:r>
              <a:rPr lang="en-GB" baseline="30000" dirty="0"/>
              <a:t>nd</a:t>
            </a:r>
            <a:r>
              <a:rPr lang="en-GB" dirty="0"/>
              <a:t> datase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143667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Poor generalizabilit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= large drop in performance across datasets = model is overfitting to the specific dataset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Confounding factor -&gt; 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F1-score = 1 -&gt; Alarming – especially since we only ran 3 epoch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We optimized performance for the validation set. This is test-set performance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Unrealistic performance related to data used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These entries contain many abbreviations, misspellings, slang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UT it likely wouldn’t cause such high performance.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oor quality data -&gt; possible we missed something similar to the “REUTERS” in our cleaning, or other unrelated systematic patterns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ataset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More reasonabl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maller dataset, higher quality. Quantity is not the only thing that matter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Garbage in – garbage out</a:t>
            </a:r>
          </a:p>
          <a:p>
            <a:pPr marL="609493" lvl="1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espite confounds -&gt; Models generalize poorl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ata from published research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-&gt; Suggests problem for not only our models, but also for the field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Generalizability problem may, however, be accommodated in future research by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1) Assess generalizability of models more, e.g. -&gt; Cross-testing own models on other dataset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-&gt; This would enable us in knowing predictive capabilities in something closer to real-world settings.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Open science practices may allow this (sharing models, scripts and dataset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) If generalizability problems, then could be accommodated by focusing on data awareness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Large, publicly available datasets of high quality seems to be lacking within the field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Best if sampled from a wide array of sources.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GB" dirty="0"/>
              <a:t>-&gt; Poor generalizability of models often stem from non-representative data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168198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nalysis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More exploratory in nature</a:t>
            </a:r>
          </a:p>
          <a:p>
            <a:pPr marL="609493" lvl="1" indent="0">
              <a:buFont typeface="Arial" panose="020B0604020202020204" pitchFamily="34" charset="0"/>
              <a:buNone/>
            </a:pPr>
            <a:endParaRPr lang="en-US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o assess temporal generalizability problems -&gt; a more direct way would be to train BERT model on an earlier period, and test on a later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But we wanted something differently than just more BERT modeling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827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plit data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Not just ordering by date, and splitting with equal number of entries in each period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Rather ordered by date, split by dat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237942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rained </a:t>
            </a:r>
            <a:r>
              <a:rPr lang="en-GB" dirty="0" err="1"/>
              <a:t>fastText</a:t>
            </a:r>
            <a:r>
              <a:rPr lang="en-GB" dirty="0"/>
              <a:t> </a:t>
            </a:r>
            <a:r>
              <a:rPr lang="en-GB" dirty="0" err="1"/>
              <a:t>skipgram</a:t>
            </a:r>
            <a:r>
              <a:rPr lang="en-GB" dirty="0"/>
              <a:t> model on each period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 err="1"/>
              <a:t>fastText</a:t>
            </a:r>
            <a:r>
              <a:rPr lang="en-GB" dirty="0"/>
              <a:t> is a word embedding module that utilizes </a:t>
            </a:r>
            <a:r>
              <a:rPr lang="en-GB" dirty="0" err="1"/>
              <a:t>skipgram</a:t>
            </a:r>
            <a:r>
              <a:rPr lang="en-GB" dirty="0"/>
              <a:t> with negative sampling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o it’s actually a static word embedding model, but we’ve called it dynamic because the way our approach takes time into accoun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’ll gladly explain how it works in detail - and also our choices for hyperparameters, if you want to hear more about tha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871682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Resulting in a vector representation for each word for each time period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26137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15000"/>
              </a:lnSpc>
              <a:spcBef>
                <a:spcPct val="30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/>
              <a:t>Johan </a:t>
            </a:r>
            <a:r>
              <a:rPr lang="en-US" sz="1800" dirty="0" err="1"/>
              <a:t>Horsmans</a:t>
            </a:r>
            <a:endParaRPr lang="en-US" sz="1800" dirty="0"/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eel free to interrupt me if you have any questions.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939287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Nouns with largest semantic shift between </a:t>
            </a:r>
            <a:r>
              <a:rPr lang="en-GB" b="1" dirty="0"/>
              <a:t>Period 1 and 5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We did that by computing the cosine distances of the words in word-embedding space, between period 1 and period 5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As distances in word embedding space are a proxy for semantic </a:t>
            </a:r>
            <a:r>
              <a:rPr lang="en-GB" b="0" dirty="0" err="1"/>
              <a:t>similiarity</a:t>
            </a:r>
            <a:endParaRPr lang="en-GB" b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439102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b="0" dirty="0"/>
              <a:t>We then looked at the changes in the 10 nearest neighbours for the nouns, across time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To investigate whether the most semantically similar words changes over tim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09244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Found problems after submitting synopsi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regarding cosine distance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and comparing vector representations across different embedding space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feel free to ask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5735013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i="0" dirty="0"/>
              <a:t>Explain graph -&gt;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Syria in beginning,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Meddle + Collude in end (US election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GB" i="1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So we see large changes in semantics across time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Findings with grain of salt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We handpicked words with most drastic changes in semantics</a:t>
            </a:r>
          </a:p>
          <a:p>
            <a:pPr marL="609493" marR="0" lvl="1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i="1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+mj-lt"/>
              </a:rPr>
              <a:t>Illustrates</a:t>
            </a:r>
            <a:r>
              <a:rPr lang="en-US" sz="1800" b="0" i="0" u="none" strike="noStrike" baseline="0" dirty="0">
                <a:latin typeface="SFRM1000"/>
              </a:rPr>
              <a:t> how non-</a:t>
            </a:r>
            <a:r>
              <a:rPr lang="en-US" sz="1800" b="0" i="0" u="none" strike="noStrike" baseline="0" dirty="0" err="1">
                <a:latin typeface="SFRM1000"/>
              </a:rPr>
              <a:t>staticity</a:t>
            </a:r>
            <a:r>
              <a:rPr lang="en-US" sz="1800" b="0" i="0" u="none" strike="noStrike" baseline="0" dirty="0">
                <a:latin typeface="SFRM1000"/>
              </a:rPr>
              <a:t> interferes with building word-embedding representations that are reliable and generalizable across time periods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his, in turn, also means that building a model for classification on some dataset from a given period, would not necessarily make the model generalizable to future datasets -&gt; If we were to  actually implement the models</a:t>
            </a:r>
            <a:endParaRPr lang="en-GB" sz="1800" b="0" i="0" u="none" strike="noStrike" baseline="0" dirty="0">
              <a:latin typeface="SFRM1000"/>
            </a:endParaRP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If we want to practically implement these models, we, therefore, need to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ntinually update or retrain models with newest data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en-GB" sz="1800" b="0" i="0" u="none" strike="noStrike" baseline="0" dirty="0">
              <a:latin typeface="SFRM100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SKIP:</a:t>
            </a:r>
            <a:br>
              <a:rPr lang="en-GB" sz="1800" b="0" i="0" u="none" strike="noStrike" baseline="0" dirty="0">
                <a:latin typeface="SFRM1000"/>
              </a:rPr>
            </a:br>
            <a:r>
              <a:rPr lang="en-GB" sz="1800" b="0" i="0" u="none" strike="noStrike" baseline="0" dirty="0">
                <a:latin typeface="SFRM1000"/>
              </a:rPr>
              <a:t>Hypothetically, not a problem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Given large enough dataset spanning enough tim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-&gt; General patterns, that are unrelated to time-specific topics of new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However, not feasible since such datasets don’t exist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b="0" i="0" u="none" strike="noStrike" baseline="0" dirty="0">
              <a:latin typeface="SFRM100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350992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cluding remark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18062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1</a:t>
            </a:r>
            <a:r>
              <a:rPr lang="en-GB" baseline="30000" dirty="0"/>
              <a:t>st</a:t>
            </a:r>
            <a:r>
              <a:rPr lang="en-GB" dirty="0"/>
              <a:t> analysis: Models generalize poorly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n future research we should therefore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1. Be wary of data we’re using -&gt; E.g. it would be advantageous to build large, representative datasets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2. We should also assess generalizability by cross-testing models, which would be facilitated by Open Science practices</a:t>
            </a:r>
          </a:p>
          <a:p>
            <a:pPr marL="1218987" lvl="2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he 2</a:t>
            </a:r>
            <a:r>
              <a:rPr lang="en-GB" baseline="30000" dirty="0"/>
              <a:t>nd</a:t>
            </a:r>
            <a:r>
              <a:rPr lang="en-GB" dirty="0"/>
              <a:t> analysis illustrated that the task is non-static, although the extent of non-</a:t>
            </a:r>
            <a:r>
              <a:rPr lang="en-GB" dirty="0" err="1"/>
              <a:t>staticity</a:t>
            </a:r>
            <a:r>
              <a:rPr lang="en-GB" dirty="0"/>
              <a:t> was not established by this analysis. It was more an illustration than a tes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Advantageous to continuously update models with new data, they are to be applied with succes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6852373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Ændringer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der mangler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Cut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en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lille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smule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ned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?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Hvis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jeg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kan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Concluding remarks for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hver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analyse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Mangler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linje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I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midten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på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plo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Læs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op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på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BER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Læs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op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på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Macro F1-score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Anything I’d like to add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fastText</a:t>
            </a:r>
            <a:r>
              <a:rPr lang="en-US" b="0" i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(!)</a:t>
            </a: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Preprocessing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Tokenization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y whitespace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How did our method used handle “</a:t>
            </a:r>
            <a:r>
              <a:rPr lang="en-GB" i="1" dirty="0"/>
              <a:t>it’s</a:t>
            </a:r>
            <a:r>
              <a:rPr lang="en-GB" dirty="0"/>
              <a:t>”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 err="1">
                <a:latin typeface="+mj-lt"/>
              </a:rPr>
              <a:t>Stopword</a:t>
            </a:r>
            <a:r>
              <a:rPr lang="en-US" sz="1600" dirty="0">
                <a:latin typeface="+mj-lt"/>
              </a:rPr>
              <a:t> removal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moval of frequent, but information-low words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duces noise and lowers computational power needed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 -&gt; Grouping together inflected forms of the same word, into the </a:t>
            </a:r>
            <a:r>
              <a:rPr lang="en-US" sz="1600" i="1" dirty="0">
                <a:latin typeface="+mj-lt"/>
              </a:rPr>
              <a:t>lemma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is a lemma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emantic nucleus of a word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finitive for verbs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ngular form for nouns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How is lemmatization carried out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Two methods: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ook-up table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Morphology based approach (word internal structure to predict lemma, requires trained model)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ich lemmatization method did we use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?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other preprocessing steps could have been utilized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stead of lemmatization, we could have used stemming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milar to lemmatization, but simpler (and not necessarily humanly interpretable)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i="1" dirty="0">
                <a:effectLst/>
                <a:latin typeface="Calibri" panose="020F0502020204030204" pitchFamily="34" charset="0"/>
              </a:rPr>
              <a:t>Argue, argued, argues, arguing, </a:t>
            </a:r>
            <a:r>
              <a:rPr lang="da-DK" sz="1800" dirty="0">
                <a:effectLst/>
                <a:latin typeface="Calibri" panose="020F0502020204030204" pitchFamily="34" charset="0"/>
              </a:rPr>
              <a:t>and </a:t>
            </a:r>
            <a:r>
              <a:rPr lang="da-DK" sz="1800" i="1" dirty="0">
                <a:effectLst/>
                <a:latin typeface="Calibri" panose="020F0502020204030204" pitchFamily="34" charset="0"/>
              </a:rPr>
              <a:t>argus </a:t>
            </a:r>
            <a:r>
              <a:rPr lang="da-DK" sz="1800" dirty="0">
                <a:effectLst/>
                <a:latin typeface="Calibri" panose="020F0502020204030204" pitchFamily="34" charset="0"/>
              </a:rPr>
              <a:t>- &gt; stem = </a:t>
            </a:r>
            <a:r>
              <a:rPr lang="da-DK" sz="1800" b="1" dirty="0">
                <a:effectLst/>
                <a:latin typeface="Calibri" panose="020F0502020204030204" pitchFamily="34" charset="0"/>
              </a:rPr>
              <a:t>argu</a:t>
            </a: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BERT 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Macro F1-scor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Classification matrix -&gt; bes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fastText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skipgram</a:t>
            </a: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Word2vec upgrade, includes N-gram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100 dimensions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FFFFFF"/>
              </a:solidFill>
              <a:effectLst/>
              <a:latin typeface="Segoe UI Historic" panose="020B0502040204020203" pitchFamily="34" charset="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Problems of Dynamic Word Embedding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1) Cosine as distan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2) Comparing word embeddings across different model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b="0" i="0" dirty="0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3) If we had sampled data randomly from the same period, we would also have seen semantic shifts and changes in nearest </a:t>
            </a:r>
            <a:r>
              <a:rPr lang="en-US" b="0" i="0" dirty="0" err="1">
                <a:solidFill>
                  <a:srgbClr val="FFFFFF"/>
                </a:solidFill>
                <a:effectLst/>
                <a:latin typeface="Segoe UI Historic" panose="020B0502040204020203" pitchFamily="34" charset="0"/>
              </a:rPr>
              <a:t>neighbours</a:t>
            </a: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base uncas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large, higher scores, but at high computational cos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atasets?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ize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mall dataset -&gt; Worse learning, poor evaluation metrics (few samples, more inaccurate)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Quaility</a:t>
            </a:r>
            <a:r>
              <a:rPr lang="en-GB" dirty="0"/>
              <a:t>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oor generalizability for poor quality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135096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 err="1"/>
              <a:t>FastText</a:t>
            </a:r>
            <a:r>
              <a:rPr lang="en-GB" dirty="0"/>
              <a:t>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Word Embedding Modul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ame as Word2Vec but 1 notable difference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Using N-grams and summing the word embeddings for the N-grams instead of only using words.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-&gt; Essentially language independent, as words are broken into N-gram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It implements </a:t>
            </a:r>
            <a:r>
              <a:rPr lang="en-GB" dirty="0" err="1"/>
              <a:t>skipgrams</a:t>
            </a:r>
            <a:r>
              <a:rPr lang="en-GB" dirty="0"/>
              <a:t> with negative sampling, which is quite </a:t>
            </a:r>
            <a:r>
              <a:rPr lang="en-GB" dirty="0" err="1"/>
              <a:t>ingenius</a:t>
            </a:r>
            <a:r>
              <a:rPr lang="en-GB" dirty="0"/>
              <a:t>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Here, the embedding for a given word are the weights in a simple binary classification task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What </a:t>
            </a:r>
            <a:r>
              <a:rPr lang="en-GB" dirty="0" err="1"/>
              <a:t>skipgrams</a:t>
            </a:r>
            <a:r>
              <a:rPr lang="en-GB" dirty="0"/>
              <a:t> with negative sampling does is, that it uses a target word to predict context word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t, for a given target word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Samples words that are within window size of target word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+ Samples words that are not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Builds a logistic regression classifier for the given word to predict whether a context word is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a positive class (occurs within window size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a negative class (does not co-occur with target word)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oesn’t use the classifier to predict, but just extract the weights -&gt; the weights are then the embedding of a word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hy does it work?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“You shall know a word by the company it keeps”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1) Synonyms would appear in similar contexts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2) Since the classification task is based on context, then the classification task is similar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3) Similar tasks would entail similar weights -&gt; therefore similar embeddings(!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hen, because we’re using </a:t>
            </a:r>
            <a:r>
              <a:rPr lang="en-GB" dirty="0" err="1"/>
              <a:t>fastText</a:t>
            </a:r>
            <a:r>
              <a:rPr lang="en-GB" dirty="0"/>
              <a:t> rather than Word2Vec, we do this for n-grams instead. And then sum the n-gram embeddings for each word.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0" lvl="0" indent="0">
              <a:buFont typeface="Arial" panose="020B0604020202020204" pitchFamily="34" charset="0"/>
              <a:buNone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2008834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* Explain Distances from Russia to other words *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557375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*Explain vastly different cosine distances*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-&gt; Better to have used Euclidean distance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36981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03912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6077610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7646072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9530826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Even if we had sampled Fake News and real news randomly from within the same period 5 times. And then had trained 5 models on these 5 datasets, then we would likely ALSO have seen semantic shifts as well as changes in nearest </a:t>
            </a:r>
            <a:r>
              <a:rPr lang="en-US" sz="1600" b="0" i="0" u="none" strike="noStrike" baseline="0" dirty="0" err="1">
                <a:latin typeface="SFRM1000"/>
              </a:rPr>
              <a:t>neighbours</a:t>
            </a:r>
            <a:r>
              <a:rPr lang="en-US" sz="1600" b="0" i="0" u="none" strike="noStrike" baseline="0" dirty="0">
                <a:latin typeface="SFRM1000"/>
              </a:rPr>
              <a:t> for the word </a:t>
            </a:r>
            <a:r>
              <a:rPr lang="en-US" sz="1600" b="0" i="1" u="none" strike="noStrike" baseline="0" dirty="0">
                <a:latin typeface="SFRM1000"/>
              </a:rPr>
              <a:t>Russia</a:t>
            </a:r>
            <a:r>
              <a:rPr lang="en-US" sz="1600" b="0" i="0" u="none" strike="noStrike" baseline="0" dirty="0">
                <a:latin typeface="SFRM1000"/>
              </a:rPr>
              <a:t>. Just because the data is different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1101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ake News are misleading by definition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Influences public opinion and thus shape foreign and domestic policies around the world in a negative way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02448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Important to try and filter away Fake News, or detect them so we may – sort of – counteract them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Unfeasible to do manually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Previous ML approaches have seemingly succeeded in the task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Studies report high </a:t>
            </a:r>
            <a:r>
              <a:rPr lang="en-US" sz="1800" dirty="0" err="1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classif</a:t>
            </a: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hmed et al., (mentioned in synopsi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92% accuracy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Just using a relatively simple model with TF-IDF’s as feature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253109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Generalizability? 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e theorized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cross sources -&gt; Model trained on articles from one set of news sources -&gt; Not generalize to datasets with articles from other sources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lso across time -&gt; We suspect model trained on present and current articles -&gt; not generalize to articles in the future, given that the topics they concern changes.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46265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ith off-set in the previously mentioned point, the scope of our project was to investigate: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sz="1800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41161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24323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223590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Trenckner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gnitive Science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2/01/2022</a:t>
            </a:fld>
            <a:r>
              <a:rPr lang="en-GB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1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1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13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14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15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Relationship Id="rId4" Type="http://schemas.openxmlformats.org/officeDocument/2006/relationships/image" Target="../media/image17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9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>
                <a:latin typeface="+mj-lt"/>
              </a:rPr>
              <a:t>Fake News Dete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614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159216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99488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380815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eprocessing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Cleaning from manual inspection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Lowercasing, </a:t>
            </a:r>
            <a:r>
              <a:rPr lang="en-US" sz="2400" dirty="0" err="1">
                <a:latin typeface="+mj-lt"/>
              </a:rPr>
              <a:t>stopwords</a:t>
            </a:r>
            <a:r>
              <a:rPr lang="en-US" sz="2400" dirty="0">
                <a:latin typeface="+mj-lt"/>
              </a:rPr>
              <a:t> + special characters, lemmatiz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226183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Part 1:</a:t>
            </a:r>
            <a:br>
              <a:rPr lang="en-GB" dirty="0"/>
            </a:br>
            <a:r>
              <a:rPr lang="en-GB" dirty="0"/>
              <a:t>Classific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4851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30E823A-B2D0-4CC6-AAFE-337B57D5B02D}"/>
              </a:ext>
            </a:extLst>
          </p:cNvPr>
          <p:cNvSpPr txBox="1"/>
          <p:nvPr/>
        </p:nvSpPr>
        <p:spPr>
          <a:xfrm>
            <a:off x="1053353" y="1678392"/>
            <a:ext cx="10081120" cy="49372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ERT Base Uncased –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8695052-10F9-43AC-93CE-3FE4B4DBB97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6450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F8CC3B-9AAD-497C-B42E-B65638CEC252}"/>
              </a:ext>
            </a:extLst>
          </p:cNvPr>
          <p:cNvSpPr txBox="1"/>
          <p:nvPr/>
        </p:nvSpPr>
        <p:spPr>
          <a:xfrm>
            <a:off x="1053353" y="1678392"/>
            <a:ext cx="10081120" cy="49372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ERT Base Uncased –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2834256-6C9D-435D-9D9D-900D2B3CDD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6D07ECE-0637-4855-B75A-9D7AC23544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83275" y="3077868"/>
            <a:ext cx="8421275" cy="16385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45071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en-GB" dirty="0"/>
              <a:t>Part 2:</a:t>
            </a:r>
            <a:br>
              <a:rPr lang="en-GB" dirty="0"/>
            </a:br>
            <a:r>
              <a:rPr lang="en-GB" dirty="0"/>
              <a:t>Dynamic Word Embed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5814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84D3C4B-53B5-4825-9959-BF61C51DF6AD}"/>
              </a:ext>
            </a:extLst>
          </p:cNvPr>
          <p:cNvSpPr txBox="1"/>
          <p:nvPr/>
        </p:nvSpPr>
        <p:spPr>
          <a:xfrm>
            <a:off x="617429" y="1268760"/>
            <a:ext cx="11093607" cy="1107996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8462647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9BE77E8-509A-4271-9E14-A261C2832349}"/>
              </a:ext>
            </a:extLst>
          </p:cNvPr>
          <p:cNvSpPr txBox="1"/>
          <p:nvPr/>
        </p:nvSpPr>
        <p:spPr>
          <a:xfrm>
            <a:off x="617429" y="1268760"/>
            <a:ext cx="11093607" cy="174022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964302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26A118-08AC-4CAA-84CA-AC7750DA271F}"/>
              </a:ext>
            </a:extLst>
          </p:cNvPr>
          <p:cNvSpPr txBox="1"/>
          <p:nvPr/>
        </p:nvSpPr>
        <p:spPr>
          <a:xfrm>
            <a:off x="617429" y="1268760"/>
            <a:ext cx="11093607" cy="2215991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7424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esent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C63BD2F-4394-4A4D-A56A-13DAB4E1E22B}"/>
              </a:ext>
            </a:extLst>
          </p:cNvPr>
          <p:cNvSpPr txBox="1"/>
          <p:nvPr/>
        </p:nvSpPr>
        <p:spPr>
          <a:xfrm>
            <a:off x="1485900" y="2132856"/>
            <a:ext cx="5040560" cy="318132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Relevance of project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Data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1: Classification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2: Dynamic Word Embeddings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Conclusion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Questions and discussion</a:t>
            </a:r>
          </a:p>
          <a:p>
            <a:pPr>
              <a:lnSpc>
                <a:spcPct val="150000"/>
              </a:lnSpc>
            </a:pPr>
            <a:endParaRPr lang="en-US" sz="20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17429" y="1268760"/>
            <a:ext cx="11093607" cy="332398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Found nouns with largest semantic shift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Semantic distance defined as cosine distance in word embedding spa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5994484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17429" y="1268760"/>
            <a:ext cx="11093607" cy="443198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Found nouns with largest semantic shift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Semantic distance defined as cosine distance in word embedding space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GB" sz="2400" b="1" dirty="0"/>
              <a:t>Investigated changes in 10 nearest neighbour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time, using cosine distan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9849999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80942D4-B24C-4F6B-91BD-D89DDC01E3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98014" y="1114102"/>
            <a:ext cx="4991797" cy="46297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9164699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60648"/>
            <a:ext cx="11556000" cy="752101"/>
          </a:xfrm>
        </p:spPr>
        <p:txBody>
          <a:bodyPr/>
          <a:lstStyle/>
          <a:p>
            <a:r>
              <a:rPr lang="en-GB" dirty="0"/>
              <a:t>part 2: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EF8259D-18A3-4F50-BD08-97E53AD5C66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12089" y="30808"/>
            <a:ext cx="5363647" cy="68271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7889730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Conclu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736976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2349247" y="1809883"/>
            <a:ext cx="7489331" cy="209999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algn="ctr">
              <a:lnSpc>
                <a:spcPct val="200000"/>
              </a:lnSpc>
            </a:pPr>
            <a:r>
              <a:rPr lang="en-US" sz="2400" b="1" dirty="0">
                <a:latin typeface="+mj-lt"/>
              </a:rPr>
              <a:t>Our findings suggest:</a:t>
            </a:r>
          </a:p>
          <a:p>
            <a:pPr marL="457200" indent="-457200" algn="ctr">
              <a:lnSpc>
                <a:spcPct val="20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Low generalizability of models in the field</a:t>
            </a:r>
          </a:p>
          <a:p>
            <a:pPr marL="457200" indent="-457200" algn="ctr">
              <a:lnSpc>
                <a:spcPct val="20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task is non-stati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086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69446502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fastText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9068BAE-8282-481F-BD48-2A439803F6F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46140" y="1649942"/>
            <a:ext cx="4371975" cy="36766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4765521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1038169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1:</a:t>
            </a:r>
            <a:r>
              <a:rPr lang="en-US" sz="2400" dirty="0">
                <a:latin typeface="+mj-lt"/>
              </a:rPr>
              <a:t> Using cosine distance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678140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9173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1:</a:t>
            </a:r>
            <a:r>
              <a:rPr lang="en-US" sz="2400" dirty="0">
                <a:latin typeface="+mj-lt"/>
              </a:rPr>
              <a:t> Using cosine distanc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780048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Relevance of projec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197936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9173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2:</a:t>
            </a:r>
            <a:r>
              <a:rPr lang="en-US" sz="2400" dirty="0">
                <a:latin typeface="+mj-lt"/>
              </a:rPr>
              <a:t> Comparing word embeddings across different mode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67129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9173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2:</a:t>
            </a:r>
            <a:r>
              <a:rPr lang="en-US" sz="2400" dirty="0">
                <a:latin typeface="+mj-lt"/>
              </a:rPr>
              <a:t> Comparing word embeddings across different model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FA64002-0B93-4994-B4EF-2EAD549342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13892" y="2616151"/>
            <a:ext cx="3000375" cy="29813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C51D16E-7FDE-43EC-BEF8-28F64E6712F1}"/>
              </a:ext>
            </a:extLst>
          </p:cNvPr>
          <p:cNvSpPr txBox="1"/>
          <p:nvPr/>
        </p:nvSpPr>
        <p:spPr>
          <a:xfrm>
            <a:off x="1509861" y="2033917"/>
            <a:ext cx="3000375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 an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695407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0369152" cy="49173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2:</a:t>
            </a:r>
            <a:r>
              <a:rPr lang="en-US" sz="2400" dirty="0">
                <a:latin typeface="+mj-lt"/>
              </a:rPr>
              <a:t> Comparing word embeddings across different model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3A19AF4-8595-4C0A-BBEC-04C723346B78}"/>
              </a:ext>
            </a:extLst>
          </p:cNvPr>
          <p:cNvSpPr txBox="1"/>
          <p:nvPr/>
        </p:nvSpPr>
        <p:spPr>
          <a:xfrm>
            <a:off x="2205980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: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63EA32-673D-48DE-BA7A-4AF92950FA58}"/>
              </a:ext>
            </a:extLst>
          </p:cNvPr>
          <p:cNvSpPr txBox="1"/>
          <p:nvPr/>
        </p:nvSpPr>
        <p:spPr>
          <a:xfrm>
            <a:off x="7678589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94113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0369152" cy="49173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oblem 3:</a:t>
            </a:r>
            <a:r>
              <a:rPr lang="en-US" sz="2400" dirty="0">
                <a:latin typeface="+mj-lt"/>
              </a:rPr>
              <a:t> Changes happen, regardless of tim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54866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138499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ackgroun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  <a:endParaRPr kumimoji="0" lang="en-US" sz="24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50378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8E5DAFB-3730-41CA-B689-CA08D0D8F159}"/>
              </a:ext>
            </a:extLst>
          </p:cNvPr>
          <p:cNvSpPr txBox="1"/>
          <p:nvPr/>
        </p:nvSpPr>
        <p:spPr>
          <a:xfrm>
            <a:off x="981844" y="1268760"/>
            <a:ext cx="10081120" cy="147732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ackgroun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L approaches show promising result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87147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  <a:endParaRPr lang="en-GB" b="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D504D91-718B-4131-8DC1-4BAA07356338}"/>
              </a:ext>
            </a:extLst>
          </p:cNvPr>
          <p:cNvSpPr txBox="1"/>
          <p:nvPr/>
        </p:nvSpPr>
        <p:spPr>
          <a:xfrm>
            <a:off x="981844" y="1268760"/>
            <a:ext cx="10081120" cy="341632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ackgroun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L approaches show promising result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endParaRPr lang="en-US" sz="2400" dirty="0">
              <a:solidFill>
                <a:srgbClr val="000000"/>
              </a:solidFill>
              <a:latin typeface="AU Passata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lang="en-US" sz="2400" b="1" dirty="0">
                <a:solidFill>
                  <a:srgbClr val="000000"/>
                </a:solidFill>
                <a:latin typeface="AU Passata"/>
              </a:rPr>
              <a:t>But! Generalizability?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lang="en-US" sz="2400" dirty="0">
                <a:solidFill>
                  <a:srgbClr val="000000"/>
                </a:solidFill>
                <a:latin typeface="AU Passata"/>
              </a:rPr>
              <a:t>Across source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24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cross time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781924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007977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797915F-924B-419B-AA58-013408CEA216}"/>
              </a:ext>
            </a:extLst>
          </p:cNvPr>
          <p:cNvSpPr txBox="1"/>
          <p:nvPr/>
        </p:nvSpPr>
        <p:spPr>
          <a:xfrm>
            <a:off x="1053353" y="2104472"/>
            <a:ext cx="10081120" cy="92422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 algn="ctr"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74342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17F2F0B-6A4C-4387-87D0-53BC3BCDC6B7}"/>
              </a:ext>
            </a:extLst>
          </p:cNvPr>
          <p:cNvSpPr txBox="1"/>
          <p:nvPr/>
        </p:nvSpPr>
        <p:spPr>
          <a:xfrm>
            <a:off x="1053353" y="2104472"/>
            <a:ext cx="10081120" cy="203222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endParaRPr lang="en-US" sz="2400" dirty="0">
              <a:latin typeface="+mj-lt"/>
            </a:endParaRPr>
          </a:p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non-</a:t>
            </a:r>
            <a:r>
              <a:rPr lang="en-US" sz="2400" dirty="0" err="1">
                <a:latin typeface="+mj-lt"/>
              </a:rPr>
              <a:t>staticity</a:t>
            </a:r>
            <a:r>
              <a:rPr lang="en-US" sz="2400" dirty="0">
                <a:latin typeface="+mj-lt"/>
              </a:rPr>
              <a:t> of news articles</a:t>
            </a:r>
          </a:p>
          <a:p>
            <a:pPr algn="ctr"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2219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60</Words>
  <Application>Microsoft Office PowerPoint</Application>
  <PresentationFormat>Custom</PresentationFormat>
  <Paragraphs>346</Paragraphs>
  <Slides>33</Slides>
  <Notes>33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4" baseType="lpstr">
      <vt:lpstr>SFRM1000</vt:lpstr>
      <vt:lpstr>Times New Roman</vt:lpstr>
      <vt:lpstr>Arial</vt:lpstr>
      <vt:lpstr>Segoe UI Historic</vt:lpstr>
      <vt:lpstr>Calibri</vt:lpstr>
      <vt:lpstr>AU Peto</vt:lpstr>
      <vt:lpstr>AU Passata</vt:lpstr>
      <vt:lpstr>Wingdings 3</vt:lpstr>
      <vt:lpstr>AU Passata Light</vt:lpstr>
      <vt:lpstr>Georgia</vt:lpstr>
      <vt:lpstr>AU 16:9</vt:lpstr>
      <vt:lpstr>Fake News Detection</vt:lpstr>
      <vt:lpstr>Presentation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Data</vt:lpstr>
      <vt:lpstr>Data</vt:lpstr>
      <vt:lpstr>Data</vt:lpstr>
      <vt:lpstr>Part 1: Classification</vt:lpstr>
      <vt:lpstr>Part 1: Classification</vt:lpstr>
      <vt:lpstr>Part 1: Classification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</vt:lpstr>
      <vt:lpstr>Conclusion</vt:lpstr>
      <vt:lpstr>Conclusion</vt:lpstr>
      <vt:lpstr>PowerPoint Presentation</vt:lpstr>
      <vt:lpstr>fastText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1-22T21:54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8022468279989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